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oek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schermopname, logo&#10;&#10;Automatisch gegenereerde beschrijving">
            <a:extLst>
              <a:ext uri="{FF2B5EF4-FFF2-40B4-BE49-F238E27FC236}">
                <a16:creationId xmlns:a16="http://schemas.microsoft.com/office/drawing/2014/main" id="{B4C33405-295D-EB57-E273-66DFC259C355}"/>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18162" y="4837492"/>
            <a:ext cx="3242399" cy="179628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schermopname, logo&#10;&#10;Automatisch gegenereerde beschrijving">
            <a:extLst>
              <a:ext uri="{FF2B5EF4-FFF2-40B4-BE49-F238E27FC236}">
                <a16:creationId xmlns:a16="http://schemas.microsoft.com/office/drawing/2014/main" id="{8AF95055-DAB1-2610-68BB-C243F2E648A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1368" y="3874717"/>
            <a:ext cx="2639366"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11T07:03:29Z</dcterms:modified>
</cp:coreProperties>
</file>